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36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県営住宅事業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有形固定資産</t>
  </si>
  <si>
    <t>県債</t>
  </si>
  <si>
    <t>事業用資産</t>
  </si>
  <si>
    <t>土地</t>
  </si>
  <si>
    <t>臨時財政対策債</t>
  </si>
  <si>
    <t>-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4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453533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>
        <v>36670</v>
      </c>
      <c r="V13" s="38"/>
    </row>
    <row r="14" spans="1:24" s="32" customFormat="1" ht="12" customHeight="1" x14ac:dyDescent="0.2">
      <c r="A14" s="26"/>
      <c r="B14" s="33"/>
      <c r="C14" s="34"/>
      <c r="D14" s="34" t="s">
        <v>13</v>
      </c>
      <c r="E14" s="34"/>
      <c r="F14" s="34"/>
      <c r="G14" s="34"/>
      <c r="H14" s="34"/>
      <c r="I14" s="34"/>
      <c r="J14" s="35">
        <v>450758</v>
      </c>
      <c r="K14" s="33"/>
      <c r="L14" s="34"/>
      <c r="M14" s="34" t="s">
        <v>14</v>
      </c>
      <c r="N14" s="34"/>
      <c r="O14" s="34"/>
      <c r="P14" s="34"/>
      <c r="Q14" s="34"/>
      <c r="R14" s="36"/>
      <c r="S14" s="37">
        <v>35104</v>
      </c>
    </row>
    <row r="15" spans="1:24" s="32" customFormat="1" ht="12" customHeight="1" x14ac:dyDescent="0.2">
      <c r="A15" s="26"/>
      <c r="B15" s="33"/>
      <c r="C15" s="34"/>
      <c r="D15" s="34"/>
      <c r="E15" s="34" t="s">
        <v>15</v>
      </c>
      <c r="F15" s="34"/>
      <c r="G15" s="34"/>
      <c r="H15" s="34"/>
      <c r="I15" s="34"/>
      <c r="J15" s="35">
        <v>450758</v>
      </c>
      <c r="K15" s="33"/>
      <c r="L15" s="34"/>
      <c r="M15" s="34"/>
      <c r="N15" s="34" t="s">
        <v>14</v>
      </c>
      <c r="O15" s="34"/>
      <c r="P15" s="34"/>
      <c r="Q15" s="34"/>
      <c r="R15" s="36"/>
      <c r="S15" s="37">
        <v>35104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6</v>
      </c>
      <c r="G16" s="34"/>
      <c r="H16" s="34"/>
      <c r="I16" s="34"/>
      <c r="J16" s="35">
        <v>347366</v>
      </c>
      <c r="K16" s="33"/>
      <c r="L16" s="34"/>
      <c r="M16" s="34"/>
      <c r="N16" s="34" t="s">
        <v>17</v>
      </c>
      <c r="O16" s="34"/>
      <c r="P16" s="34"/>
      <c r="Q16" s="34"/>
      <c r="R16" s="36"/>
      <c r="S16" s="37" t="s">
        <v>18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8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>
        <v>1566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>
        <v>457155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8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>
        <v>-361103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8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>
        <v>28968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8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>
        <v>-25674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8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8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8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8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>
        <v>3395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8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>
        <v>3265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8</v>
      </c>
      <c r="K25" s="33"/>
      <c r="L25" s="34"/>
      <c r="M25" s="34"/>
      <c r="N25" s="34" t="s">
        <v>14</v>
      </c>
      <c r="O25" s="34"/>
      <c r="P25" s="34"/>
      <c r="Q25" s="34"/>
      <c r="R25" s="36"/>
      <c r="S25" s="37">
        <v>3265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8</v>
      </c>
      <c r="K26" s="33"/>
      <c r="L26" s="34"/>
      <c r="M26" s="34"/>
      <c r="N26" s="34" t="s">
        <v>17</v>
      </c>
      <c r="O26" s="34"/>
      <c r="P26" s="34"/>
      <c r="Q26" s="34"/>
      <c r="R26" s="36"/>
      <c r="S26" s="37" t="s">
        <v>18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8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>
        <v>112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8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>
        <v>4047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8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>
        <v>17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6</v>
      </c>
      <c r="G32" s="34"/>
      <c r="H32" s="34"/>
      <c r="I32" s="34"/>
      <c r="J32" s="35" t="s">
        <v>18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8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8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8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8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8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8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8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>
        <v>40065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453533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8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>
        <v>-38899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>
        <v>1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>
        <v>-1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8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8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8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8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8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8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8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8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>
        <v>2775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8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8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8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8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8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>
        <v>942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 t="s">
        <v>18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>
        <v>2293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>
        <v>2293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8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>
        <v>-460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>
        <v>1165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>
        <v>929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>
        <v>236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 t="s">
        <v>39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8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8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8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8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8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>
        <v>414634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454698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454698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5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>
        <v>14950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>
        <v>13429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>
        <v>288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>
        <v>240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>
        <v>17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>
        <v>30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>
        <v>12838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>
        <v>6463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>
        <v>48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>
        <v>6210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>
        <v>116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>
        <v>304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>
        <v>164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>
        <v>101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>
        <v>39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>
        <v>1521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>
        <v>1335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>
        <v>1328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>
        <v>6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8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8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 t="s">
        <v>18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>
        <v>186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10258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>
        <v>10190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68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-4692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>
        <v>28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8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>
        <v>21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>
        <v>6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8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8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8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-4720</v>
      </c>
      <c r="K49" s="89"/>
      <c r="L49" s="90">
        <v>-4720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>
        <v>8414</v>
      </c>
      <c r="K50" s="91"/>
      <c r="L50" s="37">
        <v>8414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>
        <v>4846</v>
      </c>
      <c r="K51" s="91"/>
      <c r="L51" s="37">
        <v>4846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8</v>
      </c>
      <c r="K52" s="91"/>
      <c r="L52" s="37" t="s">
        <v>18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8</v>
      </c>
      <c r="K53" s="91"/>
      <c r="L53" s="37" t="s">
        <v>18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8</v>
      </c>
      <c r="K54" s="91"/>
      <c r="L54" s="37" t="s">
        <v>18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8</v>
      </c>
      <c r="K55" s="91"/>
      <c r="L55" s="37" t="s">
        <v>18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8</v>
      </c>
      <c r="K56" s="91"/>
      <c r="L56" s="37" t="s">
        <v>18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8</v>
      </c>
      <c r="K57" s="91"/>
      <c r="L57" s="37" t="s">
        <v>18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>
        <v>4846</v>
      </c>
      <c r="K58" s="91"/>
      <c r="L58" s="37">
        <v>4846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>
        <v>3568</v>
      </c>
      <c r="K59" s="91"/>
      <c r="L59" s="37">
        <v>3568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>
        <v>3694</v>
      </c>
      <c r="K60" s="92"/>
      <c r="L60" s="84">
        <v>3694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2503</v>
      </c>
      <c r="L61" s="37">
        <v>-2503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>
        <v>8232</v>
      </c>
      <c r="L62" s="37">
        <v>-8232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>
        <v>-6263</v>
      </c>
      <c r="L63" s="37">
        <v>6263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>
        <v>738</v>
      </c>
      <c r="L64" s="37">
        <v>-738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>
        <v>-204</v>
      </c>
      <c r="L65" s="37">
        <v>204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8</v>
      </c>
      <c r="K66" s="94" t="s">
        <v>18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>
        <v>19</v>
      </c>
      <c r="K67" s="94">
        <v>19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8</v>
      </c>
      <c r="K68" s="91"/>
      <c r="L68" s="37" t="s">
        <v>18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3714</v>
      </c>
      <c r="K69" s="96">
        <v>2522</v>
      </c>
      <c r="L69" s="84">
        <v>1192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410920</v>
      </c>
      <c r="K70" s="94">
        <v>451011</v>
      </c>
      <c r="L70" s="37">
        <v>-40091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414634</v>
      </c>
      <c r="K71" s="100">
        <v>453533</v>
      </c>
      <c r="L71" s="54">
        <v>-38899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6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8638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>
        <v>6987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>
        <v>287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>
        <v>6618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>
        <v>43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>
        <v>39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>
        <v>1651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>
        <v>1335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8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>
        <v>130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>
        <v>186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15921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>
        <v>4846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>
        <v>839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>
        <v>10167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69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8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8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8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7283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>
        <v>8950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>
        <v>8341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>
        <v>609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8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 t="s">
        <v>18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>
        <v>2753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>
        <v>2729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8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 t="s">
        <v>18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>
        <v>24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8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-6197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>
        <v>5918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9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>
        <v>5918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8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>
        <v>5333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>
        <v>5333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>
        <v>-585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>
        <v>501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>
        <v>428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>
        <v>929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8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8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8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>
        <v>929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47Z</dcterms:created>
  <dcterms:modified xsi:type="dcterms:W3CDTF">2024-09-18T08:51:47Z</dcterms:modified>
</cp:coreProperties>
</file>